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0" d="100"/>
          <a:sy n="110" d="100"/>
        </p:scale>
        <p:origin x="126" y="4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629A31-6DD9-4F38-9AC4-07889634977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6D4D30-65AE-4399-B8DD-8688C6E3007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255F08-2EA8-4C13-8FFE-F1CAF7A563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DDAFAD-A3A5-4B6C-BBA1-94B2F82D8E4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552CF6-5297-4A06-98FA-EF34F3BBA2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594915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E06B25-A977-4F8A-98F8-6A5D66658F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5C2BCA0-DD72-4632-894C-484C2E68BCC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634FE3-C65B-4DAF-B71B-528ABE4996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7A37BC-8688-42A3-9B61-67DA727D88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F7439B6-777E-432A-9932-211255B620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31051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D2DE8BC-D4C9-4BAC-85C4-79E4FEF8E65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FAEF95D-8708-4E8E-95BF-28D450B3B15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F17571-AADF-4895-A652-75B30A1D9F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9EE392-F06E-4A53-8705-B767B3DD0F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C761FF5-A1E6-4A46-B6A4-77A90AB62D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938544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E57924-F5ED-4E1F-99B5-35DF0205CD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FD5712-4ADE-45A4-816B-B13EF3C5AB0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345BD8-A0A3-4C1C-B438-8A5E5724AF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5BB4593-EC38-4479-B0D6-C248D65567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91AC348-AB5E-427B-8966-2607057E0D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239140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818356-636D-4E3A-8993-0B85AC190ED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F094129-0095-4308-A940-263B910D065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B86F8-DC30-4283-B3F0-723AE99102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573E368-BE6A-4BE4-8E8F-2716C9E052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33EFC71-B02A-41FB-BA64-6C23C93D2B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20898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07CB7B-A809-4FC1-873B-4B1D152A9D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7C27F8F-61AE-4AC7-80EF-C731E23A7A4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FE9F1EE-865A-49D3-BC4A-E49FF6DE857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D058D3-4A15-4BFF-B81B-C6F06C4DE9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0D589D-FD45-40EF-BE64-5ECB6D4F2E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B4A34C9-B61C-4337-892B-3B00DEF778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13431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A81B6A-90D7-429F-BC6A-A540C33C3F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C8B93AE-8141-4DFB-8426-AA3C543FC88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3C578B0-CE5C-421D-A3FC-19D5EE79612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0ECDA46-24CD-484A-BD1E-8A968AEEB97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C461ABD-D320-430A-AAC9-CD7F1FE9E23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B87F3B8-F0E0-40B0-A23B-60520E3E7F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AFA5D5C-6AAF-4431-8A75-CBDBB49022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336A51-4CEA-4DEF-A2E6-AA6D335C04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44408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1009F3-712B-4D48-9E9B-E8EB9C03A4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0259242-512C-4D28-B7DD-E2370F86DA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4C05F78-AB87-40D1-8190-2269134138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131A496-EA37-4ABA-AD34-D5A408625B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88085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CD7F4CD-726D-4EAE-A99D-51B990F818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81E22CA-B670-4385-BFC9-635683A5B3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A209832-2224-45C3-A381-A563E9F1F7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58418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948893-84B1-410A-BD6A-B29CBC7C7F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B228A8-1CA3-440E-BA9C-0D6B0400977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6EC1509-D9BC-4AD1-9BC2-4A6204899C5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6A4A22B-D371-4391-92FA-0054D64307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AF1F17C-6BA5-4E3F-B859-EE0663D243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6A36B4-19AA-4D90-A0ED-2C1FDFDF8B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71954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354DC0-23CB-4CBD-94F3-D83C2A52CF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92D8413-E6D8-409B-A283-DCCC57C6752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2711D4-9B5D-46B3-919F-B0BF58D8EB0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681C191-FD6F-40B7-8FA7-B82040361C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DE19F0B-27D8-4D1E-B622-E3A8E0D115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07765C8-EEF6-4B13-B9A0-A729853F1B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64812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15BB26D-562E-45D1-A395-68630A8CCE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9169C8-C1F7-4F87-822D-54D9212A42B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5C58427-C11D-4315-A269-1FE2EB43336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6E3498-E175-4372-9190-E4321F556D1B}" type="datetimeFigureOut">
              <a:rPr lang="en-US" smtClean="0"/>
              <a:t>1/17/2020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BD95785-5422-45DD-884E-FC24B06510E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8B8D54C-F597-4494-A579-037480B5A83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E52876-F435-4C8A-9452-6F7E96D00D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72520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image" Target="../media/image4.png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image" Target="../media/image2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image" Target="../media/image3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image" Target="../media/image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blipFill dpi="0" rotWithShape="1">
          <a:blip r:embed="rId104">
            <a:alphaModFix amt="40000"/>
            <a:duotone>
              <a:schemeClr val="accent5">
                <a:shade val="45000"/>
                <a:satMod val="135000"/>
              </a:schemeClr>
              <a:prstClr val="white"/>
            </a:duotone>
            <a:lum/>
          </a:blip>
          <a:srcRect/>
          <a:tile tx="0" ty="-876300" sx="100000" sy="95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A8733BBA-1415-43A4-B852-2A95CBDEEBF0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3034521"/>
            <a:ext cx="459228" cy="30403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B20E12"/>
                </a:solidFill>
                <a:latin typeface="Segoe UI Semibold" panose="020B0702040204020203" pitchFamily="34" charset="0"/>
              </a:rPr>
              <a:t>1929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100AB2C1-7B9F-4F49-A38B-E7085976E45F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63909" y="3034521"/>
            <a:ext cx="459228" cy="30403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rgbClr val="B20E12"/>
                </a:solidFill>
                <a:latin typeface="Segoe UI Semibold" panose="020B0702040204020203" pitchFamily="34" charset="0"/>
              </a:rPr>
              <a:t>1968</a:t>
            </a:r>
          </a:p>
        </p:txBody>
      </p:sp>
      <p:cxnSp>
        <p:nvCxnSpPr>
          <p:cNvPr id="128" name="OTLSHAPE_M_6ba3e671a69d42e78d5646e5c91d51af_Connector1">
            <a:extLst>
              <a:ext uri="{FF2B5EF4-FFF2-40B4-BE49-F238E27FC236}">
                <a16:creationId xmlns:a16="http://schemas.microsoft.com/office/drawing/2014/main" id="{AFE35CBE-A255-4226-92B0-42127D22C77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891200" y="1557900"/>
            <a:ext cx="0" cy="1412741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M_5f6b506e4a15406993774f175673f98c_Connector1">
            <a:extLst>
              <a:ext uri="{FF2B5EF4-FFF2-40B4-BE49-F238E27FC236}">
                <a16:creationId xmlns:a16="http://schemas.microsoft.com/office/drawing/2014/main" id="{9673D2D4-B436-4BD2-BBAD-817E0FF8B59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874670" y="2329105"/>
            <a:ext cx="0" cy="641535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M_23531533f3944bb2b899cb8270b44055_Connector1">
            <a:extLst>
              <a:ext uri="{FF2B5EF4-FFF2-40B4-BE49-F238E27FC236}">
                <a16:creationId xmlns:a16="http://schemas.microsoft.com/office/drawing/2014/main" id="{1DA7FCCB-6324-4CE8-A96F-E1EA32D8FA8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322590" y="3402440"/>
            <a:ext cx="0" cy="635321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M_6b1becb9455748fbba5330d720e8294b_Connector1">
            <a:extLst>
              <a:ext uri="{FF2B5EF4-FFF2-40B4-BE49-F238E27FC236}">
                <a16:creationId xmlns:a16="http://schemas.microsoft.com/office/drawing/2014/main" id="{17A39CA4-9C7A-4070-B843-82EC99D2473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771674" y="3402440"/>
            <a:ext cx="0" cy="660721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M_07d290e66de044eba4dd5cb2f4de2099_Connector1">
            <a:extLst>
              <a:ext uri="{FF2B5EF4-FFF2-40B4-BE49-F238E27FC236}">
                <a16:creationId xmlns:a16="http://schemas.microsoft.com/office/drawing/2014/main" id="{E65DFB14-59A6-4F2E-B857-8BB5E6FE196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942311" y="783641"/>
            <a:ext cx="0" cy="2187000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M_a27af179ef9c4ae7bcd0e7ef5b78046a_Connector1">
            <a:extLst>
              <a:ext uri="{FF2B5EF4-FFF2-40B4-BE49-F238E27FC236}">
                <a16:creationId xmlns:a16="http://schemas.microsoft.com/office/drawing/2014/main" id="{89764242-9458-42CB-A901-A5B13EEC110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917850" y="3402440"/>
            <a:ext cx="0" cy="882749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M_cbcf5e1490d74e31ae4309860e1e05e5_Connector1">
            <a:extLst>
              <a:ext uri="{FF2B5EF4-FFF2-40B4-BE49-F238E27FC236}">
                <a16:creationId xmlns:a16="http://schemas.microsoft.com/office/drawing/2014/main" id="{03CBCA21-145F-4FDC-92DF-18AE93344AB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253414" y="3402440"/>
            <a:ext cx="0" cy="908149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" name="OTLSHAPE_M_c58ff59944774ba4b09fe996a9ea6571_Connector1">
            <a:extLst>
              <a:ext uri="{FF2B5EF4-FFF2-40B4-BE49-F238E27FC236}">
                <a16:creationId xmlns:a16="http://schemas.microsoft.com/office/drawing/2014/main" id="{43DC43D2-41BA-4D59-9F94-2FF217531D1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634407" y="1330993"/>
            <a:ext cx="0" cy="748024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7" name="OTLSHAPE_M_6b1becb9455748fbba5330d720e8294b_Connector2">
            <a:extLst>
              <a:ext uri="{FF2B5EF4-FFF2-40B4-BE49-F238E27FC236}">
                <a16:creationId xmlns:a16="http://schemas.microsoft.com/office/drawing/2014/main" id="{27A8F442-9981-4DB9-8BAC-31B73DA7F9F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771674" y="4367411"/>
            <a:ext cx="0" cy="891063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5" name="OTLSHAPE_M_376c4fda50b64e68989f3aff7bb9799b_Connector1">
            <a:extLst>
              <a:ext uri="{FF2B5EF4-FFF2-40B4-BE49-F238E27FC236}">
                <a16:creationId xmlns:a16="http://schemas.microsoft.com/office/drawing/2014/main" id="{1C1B9DA8-A4A1-4E13-8020-1A62A576490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427015" y="1025133"/>
            <a:ext cx="0" cy="974323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6" name="OTLSHAPE_M_376c4fda50b64e68989f3aff7bb9799b_Connector2">
            <a:extLst>
              <a:ext uri="{FF2B5EF4-FFF2-40B4-BE49-F238E27FC236}">
                <a16:creationId xmlns:a16="http://schemas.microsoft.com/office/drawing/2014/main" id="{23BA011F-0A2C-467D-8045-A0F3C913EF6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427015" y="2151474"/>
            <a:ext cx="0" cy="819166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8" name="OTLSHAPE_M_c58ff59944774ba4b09fe996a9ea6571_Connector2">
            <a:extLst>
              <a:ext uri="{FF2B5EF4-FFF2-40B4-BE49-F238E27FC236}">
                <a16:creationId xmlns:a16="http://schemas.microsoft.com/office/drawing/2014/main" id="{A18E1277-BBF3-4816-A682-E7BBBA75461A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634407" y="2535286"/>
            <a:ext cx="0" cy="435354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" name="OTLSHAPE_M_20379bf8536d4fcf9eb456af838ca91a_Connector1">
            <a:extLst>
              <a:ext uri="{FF2B5EF4-FFF2-40B4-BE49-F238E27FC236}">
                <a16:creationId xmlns:a16="http://schemas.microsoft.com/office/drawing/2014/main" id="{884DD0AA-527D-4577-9C6F-BB4929A027CC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628431" y="2044614"/>
            <a:ext cx="0" cy="926027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4" name="OTLSHAPE_M_15fea91f945947128430e862d8842970_Connector1">
            <a:extLst>
              <a:ext uri="{FF2B5EF4-FFF2-40B4-BE49-F238E27FC236}">
                <a16:creationId xmlns:a16="http://schemas.microsoft.com/office/drawing/2014/main" id="{9B85EF81-EBF0-489B-8063-A533104D5E6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001492" y="3402440"/>
            <a:ext cx="0" cy="2495639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5" name="OTLSHAPE_M_07d4b56188554c73a72e8a3b96cdf189_Connector1">
            <a:extLst>
              <a:ext uri="{FF2B5EF4-FFF2-40B4-BE49-F238E27FC236}">
                <a16:creationId xmlns:a16="http://schemas.microsoft.com/office/drawing/2014/main" id="{42C5BF25-C11B-4F45-847A-730FF34865C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911875" y="3402439"/>
            <a:ext cx="0" cy="1137214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6" name="OTLSHAPE_M_07d4b56188554c73a72e8a3b96cdf189_Connector2">
            <a:extLst>
              <a:ext uri="{FF2B5EF4-FFF2-40B4-BE49-F238E27FC236}">
                <a16:creationId xmlns:a16="http://schemas.microsoft.com/office/drawing/2014/main" id="{8BEBF35D-C164-4496-B209-96719C5B8B8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911875" y="4995923"/>
            <a:ext cx="0" cy="769670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" name="OTLSHAPE_M_cbcf5e1490d74e31ae4309860e1e05e5_Connector2">
            <a:extLst>
              <a:ext uri="{FF2B5EF4-FFF2-40B4-BE49-F238E27FC236}">
                <a16:creationId xmlns:a16="http://schemas.microsoft.com/office/drawing/2014/main" id="{A13DC2FF-59CF-4C46-90B8-01F30E4A0781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253414" y="4766858"/>
            <a:ext cx="0" cy="194148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" name="OTLSHAPE_M_2912967c24b0468394781f15caff0efb_Connector1">
            <a:extLst>
              <a:ext uri="{FF2B5EF4-FFF2-40B4-BE49-F238E27FC236}">
                <a16:creationId xmlns:a16="http://schemas.microsoft.com/office/drawing/2014/main" id="{DE7BC52D-E5C7-42AF-9186-49A45F7E331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730714" y="1813964"/>
            <a:ext cx="0" cy="1156676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" name="OTLSHAPE_M_120632c691e840ef9e0714cf6c342023_Connector1">
            <a:extLst>
              <a:ext uri="{FF2B5EF4-FFF2-40B4-BE49-F238E27FC236}">
                <a16:creationId xmlns:a16="http://schemas.microsoft.com/office/drawing/2014/main" id="{ABA8FE05-C905-48B5-9D92-B3BE50298D01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1121594" y="2004367"/>
            <a:ext cx="0" cy="966273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2" name="OTLSHAPE_M_2ab8482ac7124821b7a7c42c71b6d095_Connector1">
            <a:extLst>
              <a:ext uri="{FF2B5EF4-FFF2-40B4-BE49-F238E27FC236}">
                <a16:creationId xmlns:a16="http://schemas.microsoft.com/office/drawing/2014/main" id="{5F2001C1-A68A-4C99-BEC1-14DE55A7A2EE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1122308" y="3402440"/>
            <a:ext cx="0" cy="1406335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3" name="OTLSHAPE_M_2ab8482ac7124821b7a7c42c71b6d095_Connector2">
            <a:extLst>
              <a:ext uri="{FF2B5EF4-FFF2-40B4-BE49-F238E27FC236}">
                <a16:creationId xmlns:a16="http://schemas.microsoft.com/office/drawing/2014/main" id="{BD4BFD86-D9F1-465C-ACCE-F938159CFAD4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1122308" y="5265043"/>
            <a:ext cx="0" cy="190325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" name="OTLSHAPE_M_2300db26698f492fa116b7b36a12cb1b_Connector1">
            <a:extLst>
              <a:ext uri="{FF2B5EF4-FFF2-40B4-BE49-F238E27FC236}">
                <a16:creationId xmlns:a16="http://schemas.microsoft.com/office/drawing/2014/main" id="{CD1F52FA-09AD-4F7D-8871-BD662334B6E3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903121" y="3402440"/>
            <a:ext cx="0" cy="1380935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2" name="OTLSHAPE_M_1ac21b6616c04f5eb251d97b280cc97a_Connector1">
            <a:extLst>
              <a:ext uri="{FF2B5EF4-FFF2-40B4-BE49-F238E27FC236}">
                <a16:creationId xmlns:a16="http://schemas.microsoft.com/office/drawing/2014/main" id="{FE011704-91EE-4611-B5CB-ED5988A675C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009238" y="2560686"/>
            <a:ext cx="0" cy="409954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0" name="OTLSHAPE_M_cbcf5e1490d74e31ae4309860e1e05e5_Connector3">
            <a:extLst>
              <a:ext uri="{FF2B5EF4-FFF2-40B4-BE49-F238E27FC236}">
                <a16:creationId xmlns:a16="http://schemas.microsoft.com/office/drawing/2014/main" id="{30493F04-B770-4614-8F71-0EDE7E6C11C2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0253414" y="5265043"/>
            <a:ext cx="0" cy="1161523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9032fb3140a04dac9d83d0d8b8d1d536_Connector1">
            <a:extLst>
              <a:ext uri="{FF2B5EF4-FFF2-40B4-BE49-F238E27FC236}">
                <a16:creationId xmlns:a16="http://schemas.microsoft.com/office/drawing/2014/main" id="{4FCFF90D-452C-4402-A7D9-C3C634C77DF2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630572" y="3402439"/>
            <a:ext cx="0" cy="1111814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AB9F66A-7F50-46D4-946B-2078FDAF179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80491" y="2996040"/>
            <a:ext cx="10439400" cy="3810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A1A0416-630C-4205-9916-937477902AA5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43991" y="3085194"/>
            <a:ext cx="29065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 Semilight" panose="020B0402040204020203" pitchFamily="34" charset="0"/>
              </a:rPr>
              <a:t>1929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B8BD3D6-661A-4639-9ACC-5965BD2C3C2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987093" y="3085194"/>
            <a:ext cx="29065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 Semilight" panose="020B0402040204020203" pitchFamily="34" charset="0"/>
              </a:rPr>
              <a:t>1933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F75B3EF-EA7F-44C5-A484-0FD2A4D0293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3030195" y="3085194"/>
            <a:ext cx="28584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 Semilight" panose="020B0402040204020203" pitchFamily="34" charset="0"/>
              </a:rPr>
              <a:t>1937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09D2593B-41F6-4BFA-83FB-12340176E8E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073296" y="3085194"/>
            <a:ext cx="270843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 Semilight" panose="020B0402040204020203" pitchFamily="34" charset="0"/>
              </a:rPr>
              <a:t>1941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EF4EE63E-1B20-4A56-8390-8DB6B2A54E73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116398" y="3085194"/>
            <a:ext cx="293863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 Semilight" panose="020B0402040204020203" pitchFamily="34" charset="0"/>
              </a:rPr>
              <a:t>1945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7771DFEE-9BD8-4956-B938-6513D481366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159500" y="3085194"/>
            <a:ext cx="293863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 Semilight" panose="020B0402040204020203" pitchFamily="34" charset="0"/>
              </a:rPr>
              <a:t>1949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20D4343E-DCBB-4C3C-BE67-5400EFC7362D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202601" y="3085194"/>
            <a:ext cx="29065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 Semilight" panose="020B0402040204020203" pitchFamily="34" charset="0"/>
              </a:rPr>
              <a:t>1953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7CFCA85B-41A7-41C3-88E8-C3C3E1E9169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245704" y="3085194"/>
            <a:ext cx="28584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 Semilight" panose="020B0402040204020203" pitchFamily="34" charset="0"/>
              </a:rPr>
              <a:t>1957</a:t>
            </a:r>
          </a:p>
        </p:txBody>
      </p:sp>
      <p:sp>
        <p:nvSpPr>
          <p:cNvPr id="125" name="OTLSHAPE_TB_00000000000000000000000000000000_TimescaleInterval9">
            <a:extLst>
              <a:ext uri="{FF2B5EF4-FFF2-40B4-BE49-F238E27FC236}">
                <a16:creationId xmlns:a16="http://schemas.microsoft.com/office/drawing/2014/main" id="{B4761F63-920F-41D7-82DC-2EB1B013D12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288805" y="3085194"/>
            <a:ext cx="26763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>
                <a:solidFill>
                  <a:schemeClr val="lt1"/>
                </a:solidFill>
                <a:latin typeface="Segoe UI Semilight" panose="020B0402040204020203" pitchFamily="34" charset="0"/>
              </a:rPr>
              <a:t>1961</a:t>
            </a:r>
          </a:p>
        </p:txBody>
      </p:sp>
      <p:sp>
        <p:nvSpPr>
          <p:cNvPr id="127" name="OTLSHAPE_TB_00000000000000000000000000000000_TimescaleInterval10">
            <a:extLst>
              <a:ext uri="{FF2B5EF4-FFF2-40B4-BE49-F238E27FC236}">
                <a16:creationId xmlns:a16="http://schemas.microsoft.com/office/drawing/2014/main" id="{36F03CD9-D782-43B9-97B2-E420B3BF63F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0331907" y="3085194"/>
            <a:ext cx="29065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Segoe UI Semilight" panose="020B0402040204020203" pitchFamily="34" charset="0"/>
              </a:rPr>
              <a:t>1965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DB84A15-2782-4CE8-9909-C6A1BC657CED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923593" y="30595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403C32CB-EC06-4FEA-8953-81BB987ED8AD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2966694" y="30595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6392201D-109B-4AA2-B55C-2EE7AB7F555C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4009796" y="30595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DF96C767-4CD2-49AB-B7BB-985E392A500D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5052898" y="30595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659EF58B-6892-4B30-BB83-9B21E3ADDE53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6096000" y="30595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9336CF29-251F-431E-8140-0531596D9F06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7139101" y="30595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8233EFE2-059F-4A73-AF79-77A6FAA260B7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8182204" y="30595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Separator8">
            <a:extLst>
              <a:ext uri="{FF2B5EF4-FFF2-40B4-BE49-F238E27FC236}">
                <a16:creationId xmlns:a16="http://schemas.microsoft.com/office/drawing/2014/main" id="{B5A3CD9A-BED7-4A58-83DF-EF5718B44830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9225305" y="30595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B_00000000000000000000000000000000_Separator9">
            <a:extLst>
              <a:ext uri="{FF2B5EF4-FFF2-40B4-BE49-F238E27FC236}">
                <a16:creationId xmlns:a16="http://schemas.microsoft.com/office/drawing/2014/main" id="{4D8FFACE-E714-4121-9D1D-241CDBC3A0E1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10268407" y="30595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4" name="OTLSHAPE_M_6ba3e671a69d42e78d5646e5c91d51af_Shape">
            <a:extLst>
              <a:ext uri="{FF2B5EF4-FFF2-40B4-BE49-F238E27FC236}">
                <a16:creationId xmlns:a16="http://schemas.microsoft.com/office/drawing/2014/main" id="{16C5BA81-5023-4F71-A9C5-CEC35B39D85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15000" y="28817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4" name="OTLSHAPE_M_376c4fda50b64e68989f3aff7bb9799b_Shape">
            <a:extLst>
              <a:ext uri="{FF2B5EF4-FFF2-40B4-BE49-F238E27FC236}">
                <a16:creationId xmlns:a16="http://schemas.microsoft.com/office/drawing/2014/main" id="{4CEFE2B7-664A-47C4-9620-D8ED58E5E09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350815" y="28817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5" name="OTLSHAPE_M_5f6b506e4a15406993774f175673f98c_Shape">
            <a:extLst>
              <a:ext uri="{FF2B5EF4-FFF2-40B4-BE49-F238E27FC236}">
                <a16:creationId xmlns:a16="http://schemas.microsoft.com/office/drawing/2014/main" id="{7835369B-8EB2-4F5B-A91E-ACD0F689E59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798470" y="28817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6" name="OTLSHAPE_M_2912967c24b0468394781f15caff0efb_Shape">
            <a:extLst>
              <a:ext uri="{FF2B5EF4-FFF2-40B4-BE49-F238E27FC236}">
                <a16:creationId xmlns:a16="http://schemas.microsoft.com/office/drawing/2014/main" id="{026018B5-CD76-417F-8BAC-9A3830F2371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654514" y="28817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3" name="OTLSHAPE_M_23531533f3944bb2b899cb8270b44055_Shape">
            <a:extLst>
              <a:ext uri="{FF2B5EF4-FFF2-40B4-BE49-F238E27FC236}">
                <a16:creationId xmlns:a16="http://schemas.microsoft.com/office/drawing/2014/main" id="{2DACC87F-C6E4-4652-98F5-E734A6759AD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246390" y="33135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4" name="OTLSHAPE_M_6b1becb9455748fbba5330d720e8294b_Shape">
            <a:extLst>
              <a:ext uri="{FF2B5EF4-FFF2-40B4-BE49-F238E27FC236}">
                <a16:creationId xmlns:a16="http://schemas.microsoft.com/office/drawing/2014/main" id="{3708E2AA-50A5-442B-ABA9-136C0E57785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695474" y="33135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" name="OTLSHAPE_M_07d290e66de044eba4dd5cb2f4de2099_Shape">
            <a:extLst>
              <a:ext uri="{FF2B5EF4-FFF2-40B4-BE49-F238E27FC236}">
                <a16:creationId xmlns:a16="http://schemas.microsoft.com/office/drawing/2014/main" id="{6BD9C7B2-ACFD-4174-BE72-21097B18B845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866111" y="28817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8" name="OTLSHAPE_M_20379bf8536d4fcf9eb456af838ca91a_Shape">
            <a:extLst>
              <a:ext uri="{FF2B5EF4-FFF2-40B4-BE49-F238E27FC236}">
                <a16:creationId xmlns:a16="http://schemas.microsoft.com/office/drawing/2014/main" id="{A4897D90-B0D8-4D46-A223-A39BAF9B42E7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552231" y="28817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" name="OTLSHAPE_M_9032fb3140a04dac9d83d0d8b8d1d536_Shape">
            <a:extLst>
              <a:ext uri="{FF2B5EF4-FFF2-40B4-BE49-F238E27FC236}">
                <a16:creationId xmlns:a16="http://schemas.microsoft.com/office/drawing/2014/main" id="{5F678EB7-7B82-4355-80BC-45B8E232F30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554372" y="33135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" name="OTLSHAPE_M_a27af179ef9c4ae7bcd0e7ef5b78046a_Shape">
            <a:extLst>
              <a:ext uri="{FF2B5EF4-FFF2-40B4-BE49-F238E27FC236}">
                <a16:creationId xmlns:a16="http://schemas.microsoft.com/office/drawing/2014/main" id="{1D56ABE3-937F-4F47-BA43-EFB906B69B8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9841650" y="33135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0" name="OTLSHAPE_M_1ac21b6616c04f5eb251d97b280cc97a_Shape">
            <a:extLst>
              <a:ext uri="{FF2B5EF4-FFF2-40B4-BE49-F238E27FC236}">
                <a16:creationId xmlns:a16="http://schemas.microsoft.com/office/drawing/2014/main" id="{743424B8-DFEA-4764-8409-EBA7A075964C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933038" y="28817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" name="OTLSHAPE_M_cbcf5e1490d74e31ae4309860e1e05e5_Shape">
            <a:extLst>
              <a:ext uri="{FF2B5EF4-FFF2-40B4-BE49-F238E27FC236}">
                <a16:creationId xmlns:a16="http://schemas.microsoft.com/office/drawing/2014/main" id="{24D9F053-E17E-4B38-BE71-4C7CF09076A3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0177214" y="33135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1" name="OTLSHAPE_M_2300db26698f492fa116b7b36a12cb1b_Shape">
            <a:extLst>
              <a:ext uri="{FF2B5EF4-FFF2-40B4-BE49-F238E27FC236}">
                <a16:creationId xmlns:a16="http://schemas.microsoft.com/office/drawing/2014/main" id="{89DC3CDF-C31A-4616-A60A-A80E28340F0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0826921" y="33135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2" name="OTLSHAPE_M_120632c691e840ef9e0714cf6c342023_Shape">
            <a:extLst>
              <a:ext uri="{FF2B5EF4-FFF2-40B4-BE49-F238E27FC236}">
                <a16:creationId xmlns:a16="http://schemas.microsoft.com/office/drawing/2014/main" id="{7116E2E7-74FD-4135-BFD3-E559DEE8617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1045394" y="28817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" name="OTLSHAPE_M_2ab8482ac7124821b7a7c42c71b6d095_Shape">
            <a:extLst>
              <a:ext uri="{FF2B5EF4-FFF2-40B4-BE49-F238E27FC236}">
                <a16:creationId xmlns:a16="http://schemas.microsoft.com/office/drawing/2014/main" id="{BB630CE2-A045-486D-87EA-F024A5F33A67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1046108" y="33135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M_07d4b56188554c73a72e8a3b96cdf189_Shape">
            <a:extLst>
              <a:ext uri="{FF2B5EF4-FFF2-40B4-BE49-F238E27FC236}">
                <a16:creationId xmlns:a16="http://schemas.microsoft.com/office/drawing/2014/main" id="{B72A7A77-A34F-49DF-AAC9-A9A4DF0C50B0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8835675" y="33135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" name="OTLSHAPE_M_c58ff59944774ba4b09fe996a9ea6571_Shape">
            <a:extLst>
              <a:ext uri="{FF2B5EF4-FFF2-40B4-BE49-F238E27FC236}">
                <a16:creationId xmlns:a16="http://schemas.microsoft.com/office/drawing/2014/main" id="{B61E2D0D-C2A0-4130-821F-F4148254F3C3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9558207" y="28817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2" name="OTLSHAPE_M_15fea91f945947128430e862d8842970_Shape">
            <a:extLst>
              <a:ext uri="{FF2B5EF4-FFF2-40B4-BE49-F238E27FC236}">
                <a16:creationId xmlns:a16="http://schemas.microsoft.com/office/drawing/2014/main" id="{4D988795-C5CD-4DD8-A609-36FC5A61706B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925292" y="3313540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M_6ba3e671a69d42e78d5646e5c91d51af_Title">
            <a:extLst>
              <a:ext uri="{FF2B5EF4-FFF2-40B4-BE49-F238E27FC236}">
                <a16:creationId xmlns:a16="http://schemas.microsoft.com/office/drawing/2014/main" id="{35F3AF78-6069-4028-BE7E-6FDC4AC5B27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41413" y="924212"/>
            <a:ext cx="1498600" cy="4560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B20E12"/>
                </a:solidFill>
                <a:latin typeface="Segoe UI Semibold" panose="020B0702040204020203" pitchFamily="34" charset="0"/>
              </a:rPr>
              <a:t>Michael King (Martin Luther King Jr) is born in Atlanta, Georgia</a:t>
            </a:r>
            <a:endParaRPr lang="en-US" sz="900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258" name="OTLSHAPE_M_6ba3e671a69d42e78d5646e5c91d51af_Date">
            <a:extLst>
              <a:ext uri="{FF2B5EF4-FFF2-40B4-BE49-F238E27FC236}">
                <a16:creationId xmlns:a16="http://schemas.microsoft.com/office/drawing/2014/main" id="{14ED58F3-75B2-493A-AAF4-5E0F2895816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91933" y="1392969"/>
            <a:ext cx="787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F3699"/>
                </a:solidFill>
                <a:latin typeface="Calibri" panose="020F0502020204030204" pitchFamily="34" charset="0"/>
              </a:rPr>
              <a:t>January 15, 1929</a:t>
            </a:r>
          </a:p>
        </p:txBody>
      </p:sp>
      <p:sp>
        <p:nvSpPr>
          <p:cNvPr id="260" name="OTLSHAPE_M_15fea91f945947128430e862d8842970_Title">
            <a:extLst>
              <a:ext uri="{FF2B5EF4-FFF2-40B4-BE49-F238E27FC236}">
                <a16:creationId xmlns:a16="http://schemas.microsoft.com/office/drawing/2014/main" id="{0A50E3DF-676A-47E6-AA84-2B8396DBE65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239323" y="6075710"/>
            <a:ext cx="1524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 dirty="0">
                <a:solidFill>
                  <a:srgbClr val="B20E12"/>
                </a:solidFill>
                <a:latin typeface="Segoe UI Semibold" panose="020B0702040204020203" pitchFamily="34" charset="0"/>
              </a:rPr>
              <a:t>Enrolls in Morehouse College</a:t>
            </a:r>
          </a:p>
        </p:txBody>
      </p:sp>
      <p:sp>
        <p:nvSpPr>
          <p:cNvPr id="261" name="OTLSHAPE_M_15fea91f945947128430e862d8842970_Date">
            <a:extLst>
              <a:ext uri="{FF2B5EF4-FFF2-40B4-BE49-F238E27FC236}">
                <a16:creationId xmlns:a16="http://schemas.microsoft.com/office/drawing/2014/main" id="{84CA2DB7-358E-4393-A52E-08BEE1C6697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592193" y="5923480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2F3699"/>
                </a:solidFill>
                <a:latin typeface="Calibri" panose="020F0502020204030204" pitchFamily="34" charset="0"/>
              </a:rPr>
              <a:t>October 20, 1944</a:t>
            </a:r>
          </a:p>
        </p:txBody>
      </p:sp>
      <p:sp>
        <p:nvSpPr>
          <p:cNvPr id="263" name="OTLSHAPE_M_376c4fda50b64e68989f3aff7bb9799b_Title">
            <a:extLst>
              <a:ext uri="{FF2B5EF4-FFF2-40B4-BE49-F238E27FC236}">
                <a16:creationId xmlns:a16="http://schemas.microsoft.com/office/drawing/2014/main" id="{C12544AE-B388-4175-870D-0E9C0B89F03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266955" y="543464"/>
            <a:ext cx="23114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B20E12"/>
                </a:solidFill>
                <a:latin typeface="Segoe UI Semibold" panose="020B0702040204020203" pitchFamily="34" charset="0"/>
              </a:rPr>
              <a:t>Decries the unfair treatment of minorities in letter published by the Atlanta Constitution</a:t>
            </a:r>
            <a:endParaRPr lang="en-US" sz="900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264" name="OTLSHAPE_M_376c4fda50b64e68989f3aff7bb9799b_Date">
            <a:extLst>
              <a:ext uri="{FF2B5EF4-FFF2-40B4-BE49-F238E27FC236}">
                <a16:creationId xmlns:a16="http://schemas.microsoft.com/office/drawing/2014/main" id="{BC12BE4A-FF84-466D-BC08-B37C8B4284B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100117" y="860202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2F3699"/>
                </a:solidFill>
                <a:latin typeface="Calibri" panose="020F0502020204030204" pitchFamily="34" charset="0"/>
              </a:rPr>
              <a:t>June 08, 1946</a:t>
            </a:r>
          </a:p>
        </p:txBody>
      </p:sp>
      <p:sp>
        <p:nvSpPr>
          <p:cNvPr id="266" name="OTLSHAPE_M_5f6b506e4a15406993774f175673f98c_Title">
            <a:extLst>
              <a:ext uri="{FF2B5EF4-FFF2-40B4-BE49-F238E27FC236}">
                <a16:creationId xmlns:a16="http://schemas.microsoft.com/office/drawing/2014/main" id="{134CC5E2-FFD8-4D30-8548-1B85B01A3B7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054039" y="1999455"/>
            <a:ext cx="1638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4" dirty="0">
                <a:solidFill>
                  <a:srgbClr val="B20E12"/>
                </a:solidFill>
                <a:latin typeface="Segoe UI Semibold" panose="020B0702040204020203" pitchFamily="34" charset="0"/>
              </a:rPr>
              <a:t>Ordained by the Baptist Church</a:t>
            </a:r>
            <a:endParaRPr lang="en-US" sz="900" spc="-4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267" name="OTLSHAPE_M_5f6b506e4a15406993774f175673f98c_Date">
            <a:extLst>
              <a:ext uri="{FF2B5EF4-FFF2-40B4-BE49-F238E27FC236}">
                <a16:creationId xmlns:a16="http://schemas.microsoft.com/office/drawing/2014/main" id="{E0D42B37-11BF-4FAF-89B6-ABB909001A0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447231" y="2164174"/>
            <a:ext cx="850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F3699"/>
                </a:solidFill>
                <a:latin typeface="Calibri" panose="020F0502020204030204" pitchFamily="34" charset="0"/>
              </a:rPr>
              <a:t>February 25, 1948</a:t>
            </a:r>
          </a:p>
        </p:txBody>
      </p:sp>
      <p:sp>
        <p:nvSpPr>
          <p:cNvPr id="272" name="OTLSHAPE_M_2912967c24b0468394781f15caff0efb_Title">
            <a:extLst>
              <a:ext uri="{FF2B5EF4-FFF2-40B4-BE49-F238E27FC236}">
                <a16:creationId xmlns:a16="http://schemas.microsoft.com/office/drawing/2014/main" id="{303F5AEE-EFAA-43DF-9BE4-89CA8FCF0CA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054629" y="1332295"/>
            <a:ext cx="13462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B20E12"/>
                </a:solidFill>
                <a:latin typeface="Segoe UI Semibold" panose="020B0702040204020203" pitchFamily="34" charset="0"/>
              </a:rPr>
              <a:t>Earns Bachelor of divinity degree from Crozer</a:t>
            </a:r>
            <a:endParaRPr lang="en-US" sz="900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273" name="OTLSHAPE_M_2912967c24b0468394781f15caff0efb_Date">
            <a:extLst>
              <a:ext uri="{FF2B5EF4-FFF2-40B4-BE49-F238E27FC236}">
                <a16:creationId xmlns:a16="http://schemas.microsoft.com/office/drawing/2014/main" id="{EE368B60-DD2B-4AE9-B7B5-7A309FCADA5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403816" y="1649033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F3699"/>
                </a:solidFill>
                <a:latin typeface="Calibri" panose="020F0502020204030204" pitchFamily="34" charset="0"/>
              </a:rPr>
              <a:t>June 08, 1951</a:t>
            </a:r>
          </a:p>
        </p:txBody>
      </p:sp>
      <p:sp>
        <p:nvSpPr>
          <p:cNvPr id="278" name="OTLSHAPE_M_23531533f3944bb2b899cb8270b44055_Title">
            <a:extLst>
              <a:ext uri="{FF2B5EF4-FFF2-40B4-BE49-F238E27FC236}">
                <a16:creationId xmlns:a16="http://schemas.microsoft.com/office/drawing/2014/main" id="{57E49C50-D0B0-4BD0-9352-65CDC3912A5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764764" y="4215392"/>
            <a:ext cx="11049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 dirty="0">
                <a:solidFill>
                  <a:srgbClr val="B20E12"/>
                </a:solidFill>
                <a:latin typeface="Segoe UI Semibold" panose="020B0702040204020203" pitchFamily="34" charset="0"/>
              </a:rPr>
              <a:t>Marries Coretta Scott</a:t>
            </a:r>
          </a:p>
        </p:txBody>
      </p:sp>
      <p:sp>
        <p:nvSpPr>
          <p:cNvPr id="279" name="OTLSHAPE_M_23531533f3944bb2b899cb8270b44055_Date">
            <a:extLst>
              <a:ext uri="{FF2B5EF4-FFF2-40B4-BE49-F238E27FC236}">
                <a16:creationId xmlns:a16="http://schemas.microsoft.com/office/drawing/2014/main" id="{32619939-EA64-40F2-8B79-BA9181A0B39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846954" y="4063161"/>
            <a:ext cx="939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2F3699"/>
                </a:solidFill>
                <a:latin typeface="Calibri" panose="020F0502020204030204" pitchFamily="34" charset="0"/>
              </a:rPr>
              <a:t>September 14, 1953</a:t>
            </a:r>
          </a:p>
        </p:txBody>
      </p:sp>
      <p:sp>
        <p:nvSpPr>
          <p:cNvPr id="281" name="OTLSHAPE_M_6b1becb9455748fbba5330d720e8294b_Title">
            <a:extLst>
              <a:ext uri="{FF2B5EF4-FFF2-40B4-BE49-F238E27FC236}">
                <a16:creationId xmlns:a16="http://schemas.microsoft.com/office/drawing/2014/main" id="{588CCD8F-69DE-46AB-953A-4BCF944B1F6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895205" y="5436104"/>
            <a:ext cx="17526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B20E12"/>
                </a:solidFill>
                <a:latin typeface="Segoe UI Semibold" panose="020B0702040204020203" pitchFamily="34" charset="0"/>
              </a:rPr>
              <a:t>Awarded Doctorate in Systematic Theology, Boston University</a:t>
            </a:r>
            <a:endParaRPr lang="en-US" sz="900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282" name="OTLSHAPE_M_6b1becb9455748fbba5330d720e8294b_Date">
            <a:extLst>
              <a:ext uri="{FF2B5EF4-FFF2-40B4-BE49-F238E27FC236}">
                <a16:creationId xmlns:a16="http://schemas.microsoft.com/office/drawing/2014/main" id="{E91121C9-D126-40FE-8F2E-631FC3E1D17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444776" y="5283874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2F3699"/>
                </a:solidFill>
                <a:latin typeface="Calibri" panose="020F0502020204030204" pitchFamily="34" charset="0"/>
              </a:rPr>
              <a:t>June 05, 1955</a:t>
            </a:r>
          </a:p>
        </p:txBody>
      </p:sp>
      <p:sp>
        <p:nvSpPr>
          <p:cNvPr id="293" name="OTLSHAPE_M_07d290e66de044eba4dd5cb2f4de2099_Title">
            <a:extLst>
              <a:ext uri="{FF2B5EF4-FFF2-40B4-BE49-F238E27FC236}">
                <a16:creationId xmlns:a16="http://schemas.microsoft.com/office/drawing/2014/main" id="{3A1D5547-C97B-44C5-A677-D048D07A244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792453" y="301972"/>
            <a:ext cx="22987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B20E12"/>
                </a:solidFill>
                <a:latin typeface="Segoe UI Semibold" panose="020B0702040204020203" pitchFamily="34" charset="0"/>
              </a:rPr>
              <a:t>MLK's home is bombed during a speech; he urges against violent retaliation</a:t>
            </a:r>
            <a:endParaRPr lang="en-US" sz="900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294" name="OTLSHAPE_M_07d290e66de044eba4dd5cb2f4de2099_Date">
            <a:extLst>
              <a:ext uri="{FF2B5EF4-FFF2-40B4-BE49-F238E27FC236}">
                <a16:creationId xmlns:a16="http://schemas.microsoft.com/office/drawing/2014/main" id="{AFF13E82-CEBB-47FC-BC1F-849C493EC53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543044" y="618710"/>
            <a:ext cx="787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F3699"/>
                </a:solidFill>
                <a:latin typeface="Calibri" panose="020F0502020204030204" pitchFamily="34" charset="0"/>
              </a:rPr>
              <a:t>January 30, 1956</a:t>
            </a:r>
          </a:p>
        </p:txBody>
      </p:sp>
      <p:sp>
        <p:nvSpPr>
          <p:cNvPr id="305" name="OTLSHAPE_M_20379bf8536d4fcf9eb456af838ca91a_Title">
            <a:extLst>
              <a:ext uri="{FF2B5EF4-FFF2-40B4-BE49-F238E27FC236}">
                <a16:creationId xmlns:a16="http://schemas.microsoft.com/office/drawing/2014/main" id="{41B86CAC-8BC2-4EF3-808B-F208F83D32C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967692" y="1410926"/>
            <a:ext cx="1320800" cy="4560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spc="-4" dirty="0">
                <a:solidFill>
                  <a:srgbClr val="B20E12"/>
                </a:solidFill>
                <a:latin typeface="Segoe UI Semibold" panose="020B0702040204020203" pitchFamily="34" charset="0"/>
              </a:rPr>
              <a:t>Publishes first book, "Stride Toward Freedom: The Montgomery Story" </a:t>
            </a:r>
            <a:endParaRPr lang="en-US" sz="900" spc="-4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306" name="OTLSHAPE_M_20379bf8536d4fcf9eb456af838ca91a_Date">
            <a:extLst>
              <a:ext uri="{FF2B5EF4-FFF2-40B4-BE49-F238E27FC236}">
                <a16:creationId xmlns:a16="http://schemas.microsoft.com/office/drawing/2014/main" id="{0DB31CE1-3F79-4E45-86B0-032A5A4EF65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152795" y="1879683"/>
            <a:ext cx="939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F3699"/>
                </a:solidFill>
                <a:latin typeface="Calibri" panose="020F0502020204030204" pitchFamily="34" charset="0"/>
              </a:rPr>
              <a:t>September 17, 1958</a:t>
            </a:r>
          </a:p>
        </p:txBody>
      </p:sp>
      <p:sp>
        <p:nvSpPr>
          <p:cNvPr id="308" name="OTLSHAPE_M_9032fb3140a04dac9d83d0d8b8d1d536_Title">
            <a:extLst>
              <a:ext uri="{FF2B5EF4-FFF2-40B4-BE49-F238E27FC236}">
                <a16:creationId xmlns:a16="http://schemas.microsoft.com/office/drawing/2014/main" id="{86D31A49-7F0D-481E-9706-61E295DD37E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928326" y="4691885"/>
            <a:ext cx="13970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spc="-6">
                <a:solidFill>
                  <a:srgbClr val="B20E12"/>
                </a:solidFill>
                <a:latin typeface="Segoe UI Semibold" panose="020B0702040204020203" pitchFamily="34" charset="0"/>
              </a:rPr>
              <a:t>Stabbed and rushed to Harlem Hospital, New York</a:t>
            </a:r>
            <a:endParaRPr lang="en-US" sz="900" spc="-6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309" name="OTLSHAPE_M_9032fb3140a04dac9d83d0d8b8d1d536_Date">
            <a:extLst>
              <a:ext uri="{FF2B5EF4-FFF2-40B4-BE49-F238E27FC236}">
                <a16:creationId xmlns:a16="http://schemas.microsoft.com/office/drawing/2014/main" id="{86198507-3EE4-4535-A1D4-74F7246ED1F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154936" y="4539654"/>
            <a:ext cx="939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F3699"/>
                </a:solidFill>
                <a:latin typeface="Calibri" panose="020F0502020204030204" pitchFamily="34" charset="0"/>
              </a:rPr>
              <a:t>September 20, 1958</a:t>
            </a:r>
          </a:p>
        </p:txBody>
      </p:sp>
      <p:sp>
        <p:nvSpPr>
          <p:cNvPr id="317" name="OTLSHAPE_M_a27af179ef9c4ae7bcd0e7ef5b78046a_Title">
            <a:extLst>
              <a:ext uri="{FF2B5EF4-FFF2-40B4-BE49-F238E27FC236}">
                <a16:creationId xmlns:a16="http://schemas.microsoft.com/office/drawing/2014/main" id="{F452B7B9-E84C-4CD5-B192-DAF3EDC8F03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440204" y="4462820"/>
            <a:ext cx="9525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B20E12"/>
                </a:solidFill>
                <a:latin typeface="Segoe UI Semibold" panose="020B0702040204020203" pitchFamily="34" charset="0"/>
              </a:rPr>
              <a:t>Delivers "I Have a Dream" speech</a:t>
            </a:r>
            <a:endParaRPr lang="en-US" sz="900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318" name="OTLSHAPE_M_a27af179ef9c4ae7bcd0e7ef5b78046a_Date">
            <a:extLst>
              <a:ext uri="{FF2B5EF4-FFF2-40B4-BE49-F238E27FC236}">
                <a16:creationId xmlns:a16="http://schemas.microsoft.com/office/drawing/2014/main" id="{AD7FFDDE-4DCF-4A6B-B5E1-DC5E94F801E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536787" y="4310589"/>
            <a:ext cx="762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2F3699"/>
                </a:solidFill>
                <a:latin typeface="Calibri" panose="020F0502020204030204" pitchFamily="34" charset="0"/>
              </a:rPr>
              <a:t>August 28, 1963</a:t>
            </a:r>
          </a:p>
        </p:txBody>
      </p:sp>
      <p:sp>
        <p:nvSpPr>
          <p:cNvPr id="320" name="OTLSHAPE_M_1ac21b6616c04f5eb251d97b280cc97a_Title">
            <a:extLst>
              <a:ext uri="{FF2B5EF4-FFF2-40B4-BE49-F238E27FC236}">
                <a16:creationId xmlns:a16="http://schemas.microsoft.com/office/drawing/2014/main" id="{2D918239-D22D-45EF-B3A1-5AE8ED98827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325845" y="2079017"/>
            <a:ext cx="13589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B20E12"/>
                </a:solidFill>
                <a:latin typeface="Segoe UI Semibold" panose="020B0702040204020203" pitchFamily="34" charset="0"/>
              </a:rPr>
              <a:t>Named "Man of the Year" by Time magazine</a:t>
            </a:r>
            <a:endParaRPr lang="en-US" sz="900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321" name="OTLSHAPE_M_1ac21b6616c04f5eb251d97b280cc97a_Date">
            <a:extLst>
              <a:ext uri="{FF2B5EF4-FFF2-40B4-BE49-F238E27FC236}">
                <a16:creationId xmlns:a16="http://schemas.microsoft.com/office/drawing/2014/main" id="{FD75588B-6895-44F6-BCFB-68F78A9E43E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609971" y="2395755"/>
            <a:ext cx="787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2F3699"/>
                </a:solidFill>
                <a:latin typeface="Calibri" panose="020F0502020204030204" pitchFamily="34" charset="0"/>
              </a:rPr>
              <a:t>January 03, 1964</a:t>
            </a:r>
          </a:p>
        </p:txBody>
      </p:sp>
      <p:sp>
        <p:nvSpPr>
          <p:cNvPr id="326" name="OTLSHAPE_M_cbcf5e1490d74e31ae4309860e1e05e5_Title">
            <a:extLst>
              <a:ext uri="{FF2B5EF4-FFF2-40B4-BE49-F238E27FC236}">
                <a16:creationId xmlns:a16="http://schemas.microsoft.com/office/drawing/2014/main" id="{A6808AE5-ED0E-48B6-B416-3697F6931E5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446921" y="6604197"/>
            <a:ext cx="16129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spc="-4" dirty="0">
                <a:solidFill>
                  <a:srgbClr val="B20E12"/>
                </a:solidFill>
                <a:latin typeface="Segoe UI Semibold" panose="020B0702040204020203" pitchFamily="34" charset="0"/>
              </a:rPr>
              <a:t>Receives the Nobel Peace Prize</a:t>
            </a:r>
            <a:endParaRPr lang="en-US" sz="900" spc="-4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327" name="OTLSHAPE_M_cbcf5e1490d74e31ae4309860e1e05e5_Date">
            <a:extLst>
              <a:ext uri="{FF2B5EF4-FFF2-40B4-BE49-F238E27FC236}">
                <a16:creationId xmlns:a16="http://schemas.microsoft.com/office/drawing/2014/main" id="{11C7823A-50B5-45BD-9E54-FB40CA1C20D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793017" y="6451967"/>
            <a:ext cx="914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2F3699"/>
                </a:solidFill>
                <a:latin typeface="Calibri" panose="020F0502020204030204" pitchFamily="34" charset="0"/>
              </a:rPr>
              <a:t>December 10, 1964</a:t>
            </a:r>
          </a:p>
        </p:txBody>
      </p:sp>
      <p:sp>
        <p:nvSpPr>
          <p:cNvPr id="335" name="OTLSHAPE_M_2300db26698f492fa116b7b36a12cb1b_Title">
            <a:extLst>
              <a:ext uri="{FF2B5EF4-FFF2-40B4-BE49-F238E27FC236}">
                <a16:creationId xmlns:a16="http://schemas.microsoft.com/office/drawing/2014/main" id="{95534DC8-C7E8-47D4-8456-59E01CA5C6E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0106725" y="4961005"/>
            <a:ext cx="15875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B20E12"/>
                </a:solidFill>
                <a:latin typeface="Segoe UI Semibold" panose="020B0702040204020203" pitchFamily="34" charset="0"/>
              </a:rPr>
              <a:t>Announces the "Poor People's Campaign"</a:t>
            </a:r>
            <a:endParaRPr lang="en-US" sz="900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336" name="OTLSHAPE_M_2300db26698f492fa116b7b36a12cb1b_Date">
            <a:extLst>
              <a:ext uri="{FF2B5EF4-FFF2-40B4-BE49-F238E27FC236}">
                <a16:creationId xmlns:a16="http://schemas.microsoft.com/office/drawing/2014/main" id="{3A9C01CE-F961-440D-A094-C011E8B988B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0576223" y="4808775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2F3699"/>
                </a:solidFill>
                <a:latin typeface="Calibri" panose="020F0502020204030204" pitchFamily="34" charset="0"/>
              </a:rPr>
              <a:t>June 08, 1967</a:t>
            </a:r>
          </a:p>
        </p:txBody>
      </p:sp>
      <p:sp>
        <p:nvSpPr>
          <p:cNvPr id="341" name="OTLSHAPE_M_120632c691e840ef9e0714cf6c342023_Title">
            <a:extLst>
              <a:ext uri="{FF2B5EF4-FFF2-40B4-BE49-F238E27FC236}">
                <a16:creationId xmlns:a16="http://schemas.microsoft.com/office/drawing/2014/main" id="{14A2770B-64E7-4853-99E9-ADE96FA7760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0379342" y="1522699"/>
            <a:ext cx="14732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spc="-4" dirty="0">
                <a:solidFill>
                  <a:srgbClr val="B20E12"/>
                </a:solidFill>
                <a:latin typeface="Segoe UI Semibold" panose="020B0702040204020203" pitchFamily="34" charset="0"/>
              </a:rPr>
              <a:t>Fatally shot on the balcony of Lorraine Motel, Memphis </a:t>
            </a:r>
            <a:endParaRPr lang="en-US" sz="900" spc="-4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342" name="OTLSHAPE_M_120632c691e840ef9e0714cf6c342023_Date">
            <a:extLst>
              <a:ext uri="{FF2B5EF4-FFF2-40B4-BE49-F238E27FC236}">
                <a16:creationId xmlns:a16="http://schemas.microsoft.com/office/drawing/2014/main" id="{FF342F1A-1F63-410F-B968-00830FFD655C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792156" y="1839437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F3699"/>
                </a:solidFill>
                <a:latin typeface="Calibri" panose="020F0502020204030204" pitchFamily="34" charset="0"/>
              </a:rPr>
              <a:t>April 09, 1968</a:t>
            </a:r>
          </a:p>
        </p:txBody>
      </p:sp>
      <p:sp>
        <p:nvSpPr>
          <p:cNvPr id="344" name="OTLSHAPE_M_2ab8482ac7124821b7a7c42c71b6d095_Title">
            <a:extLst>
              <a:ext uri="{FF2B5EF4-FFF2-40B4-BE49-F238E27FC236}">
                <a16:creationId xmlns:a16="http://schemas.microsoft.com/office/drawing/2014/main" id="{60E015BD-0303-4A37-945A-50DE5E400CFD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282986" y="5632999"/>
            <a:ext cx="1676400" cy="4560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B20E12"/>
                </a:solidFill>
                <a:latin typeface="Segoe UI Semibold" panose="020B0702040204020203" pitchFamily="34" charset="0"/>
              </a:rPr>
              <a:t>The body of Martin Luther King Jr.  laid to rest in Atlanta, Georgia</a:t>
            </a:r>
            <a:endParaRPr lang="en-US" sz="900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345" name="OTLSHAPE_M_2ab8482ac7124821b7a7c42c71b6d095_Date">
            <a:extLst>
              <a:ext uri="{FF2B5EF4-FFF2-40B4-BE49-F238E27FC236}">
                <a16:creationId xmlns:a16="http://schemas.microsoft.com/office/drawing/2014/main" id="{818D8DE4-31C7-44F5-8185-FF4029D724C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792870" y="5480768"/>
            <a:ext cx="64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F3699"/>
                </a:solidFill>
                <a:latin typeface="Calibri" panose="020F0502020204030204" pitchFamily="34" charset="0"/>
              </a:rPr>
              <a:t>April 10, 1968</a:t>
            </a:r>
          </a:p>
        </p:txBody>
      </p:sp>
      <p:sp>
        <p:nvSpPr>
          <p:cNvPr id="446" name="OTLSHAPE_M_07d4b56188554c73a72e8a3b96cdf189_Title">
            <a:extLst>
              <a:ext uri="{FF2B5EF4-FFF2-40B4-BE49-F238E27FC236}">
                <a16:creationId xmlns:a16="http://schemas.microsoft.com/office/drawing/2014/main" id="{B6718E4D-5DEC-488B-AB1C-BCAD8FA18F4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977853" y="5943223"/>
            <a:ext cx="18669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B20E12"/>
                </a:solidFill>
                <a:latin typeface="Segoe UI Semibold" panose="020B0702040204020203" pitchFamily="34" charset="0"/>
              </a:rPr>
              <a:t>Spends 8 days in prison; is released on a $2,000 bond</a:t>
            </a:r>
            <a:endParaRPr lang="en-US" sz="900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447" name="OTLSHAPE_M_07d4b56188554c73a72e8a3b96cdf189_Date">
            <a:extLst>
              <a:ext uri="{FF2B5EF4-FFF2-40B4-BE49-F238E27FC236}">
                <a16:creationId xmlns:a16="http://schemas.microsoft.com/office/drawing/2014/main" id="{3E9BF6EC-861D-415A-B924-312254AD5C6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502575" y="5790992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2F3699"/>
                </a:solidFill>
                <a:latin typeface="Calibri" panose="020F0502020204030204" pitchFamily="34" charset="0"/>
              </a:rPr>
              <a:t>October 19, 1959</a:t>
            </a:r>
          </a:p>
        </p:txBody>
      </p:sp>
      <p:sp>
        <p:nvSpPr>
          <p:cNvPr id="449" name="OTLSHAPE_M_c58ff59944774ba4b09fe996a9ea6571_Title">
            <a:extLst>
              <a:ext uri="{FF2B5EF4-FFF2-40B4-BE49-F238E27FC236}">
                <a16:creationId xmlns:a16="http://schemas.microsoft.com/office/drawing/2014/main" id="{721EA3C7-72A9-4B92-BE5F-49EADEC4B2A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679790" y="849324"/>
            <a:ext cx="19050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B20E12"/>
                </a:solidFill>
                <a:latin typeface="Segoe UI Semibold" panose="020B0702040204020203" pitchFamily="34" charset="0"/>
              </a:rPr>
              <a:t>Spends two weeks in prison to draw attention to the Albany movement</a:t>
            </a:r>
            <a:endParaRPr lang="en-US" sz="900" dirty="0">
              <a:solidFill>
                <a:srgbClr val="B20E1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450" name="OTLSHAPE_M_c58ff59944774ba4b09fe996a9ea6571_Date">
            <a:extLst>
              <a:ext uri="{FF2B5EF4-FFF2-40B4-BE49-F238E27FC236}">
                <a16:creationId xmlns:a16="http://schemas.microsoft.com/office/drawing/2014/main" id="{960998CE-9467-4032-A876-11C3C608153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326982" y="1166062"/>
            <a:ext cx="60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2F3699"/>
                </a:solidFill>
                <a:latin typeface="Calibri" panose="020F0502020204030204" pitchFamily="34" charset="0"/>
              </a:rPr>
              <a:t>July 27, 1962</a:t>
            </a:r>
          </a:p>
        </p:txBody>
      </p:sp>
      <p:pic>
        <p:nvPicPr>
          <p:cNvPr id="527" name="Picture 526">
            <a:extLst>
              <a:ext uri="{FF2B5EF4-FFF2-40B4-BE49-F238E27FC236}">
                <a16:creationId xmlns:a16="http://schemas.microsoft.com/office/drawing/2014/main" id="{F633401C-2C16-4139-9331-E2C2F4776DD5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8765425" y="3271479"/>
            <a:ext cx="290760" cy="291928"/>
          </a:xfrm>
          <a:prstGeom prst="flowChartConnector">
            <a:avLst/>
          </a:prstGeom>
        </p:spPr>
      </p:pic>
      <p:pic>
        <p:nvPicPr>
          <p:cNvPr id="533" name="Picture 532">
            <a:extLst>
              <a:ext uri="{FF2B5EF4-FFF2-40B4-BE49-F238E27FC236}">
                <a16:creationId xmlns:a16="http://schemas.microsoft.com/office/drawing/2014/main" id="{3FEFBC22-DF5F-459F-869A-0AEE86737E80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6586588" y="2815084"/>
            <a:ext cx="290760" cy="291928"/>
          </a:xfrm>
          <a:prstGeom prst="flowChartConnector">
            <a:avLst/>
          </a:prstGeom>
        </p:spPr>
      </p:pic>
      <p:pic>
        <p:nvPicPr>
          <p:cNvPr id="534" name="Picture 533">
            <a:extLst>
              <a:ext uri="{FF2B5EF4-FFF2-40B4-BE49-F238E27FC236}">
                <a16:creationId xmlns:a16="http://schemas.microsoft.com/office/drawing/2014/main" id="{D8B12467-5552-4C6A-9A85-4EE052E26006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747274" y="2815084"/>
            <a:ext cx="290760" cy="291928"/>
          </a:xfrm>
          <a:prstGeom prst="flowChartConnector">
            <a:avLst/>
          </a:prstGeom>
        </p:spPr>
      </p:pic>
      <p:pic>
        <p:nvPicPr>
          <p:cNvPr id="584" name="Picture 583">
            <a:extLst>
              <a:ext uri="{FF2B5EF4-FFF2-40B4-BE49-F238E27FC236}">
                <a16:creationId xmlns:a16="http://schemas.microsoft.com/office/drawing/2014/main" id="{FBD57F83-7CCE-456D-A948-DF6DE8BA3B65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8483236" y="3271479"/>
            <a:ext cx="290760" cy="291928"/>
          </a:xfrm>
          <a:prstGeom prst="flowChartConnector">
            <a:avLst/>
          </a:prstGeom>
        </p:spPr>
      </p:pic>
      <p:pic>
        <p:nvPicPr>
          <p:cNvPr id="585" name="Picture 584">
            <a:extLst>
              <a:ext uri="{FF2B5EF4-FFF2-40B4-BE49-F238E27FC236}">
                <a16:creationId xmlns:a16="http://schemas.microsoft.com/office/drawing/2014/main" id="{2DFCC952-072E-44D4-B3D6-AF6E2936DBF7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8482482" y="2815084"/>
            <a:ext cx="290760" cy="291928"/>
          </a:xfrm>
          <a:prstGeom prst="flowChartConnector">
            <a:avLst/>
          </a:prstGeom>
        </p:spPr>
      </p:pic>
      <p:pic>
        <p:nvPicPr>
          <p:cNvPr id="587" name="Picture 586">
            <a:extLst>
              <a:ext uri="{FF2B5EF4-FFF2-40B4-BE49-F238E27FC236}">
                <a16:creationId xmlns:a16="http://schemas.microsoft.com/office/drawing/2014/main" id="{5A79B9B7-D76A-4153-A879-7953A1B65628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7796279" y="2815084"/>
            <a:ext cx="290760" cy="291928"/>
          </a:xfrm>
          <a:prstGeom prst="flowChartConnector">
            <a:avLst/>
          </a:prstGeom>
        </p:spPr>
      </p:pic>
      <p:pic>
        <p:nvPicPr>
          <p:cNvPr id="588" name="Picture 587">
            <a:extLst>
              <a:ext uri="{FF2B5EF4-FFF2-40B4-BE49-F238E27FC236}">
                <a16:creationId xmlns:a16="http://schemas.microsoft.com/office/drawing/2014/main" id="{22701CF9-4005-4D20-94D8-54E5A1349FFB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7625630" y="3271479"/>
            <a:ext cx="290760" cy="291928"/>
          </a:xfrm>
          <a:prstGeom prst="flowChartConnector">
            <a:avLst/>
          </a:prstGeom>
        </p:spPr>
      </p:pic>
      <p:pic>
        <p:nvPicPr>
          <p:cNvPr id="589" name="Picture 588">
            <a:extLst>
              <a:ext uri="{FF2B5EF4-FFF2-40B4-BE49-F238E27FC236}">
                <a16:creationId xmlns:a16="http://schemas.microsoft.com/office/drawing/2014/main" id="{8F6CDBF8-604F-49B7-B1B5-01F698999679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7176370" y="3271479"/>
            <a:ext cx="290760" cy="291928"/>
          </a:xfrm>
          <a:prstGeom prst="flowChartConnector">
            <a:avLst/>
          </a:prstGeom>
        </p:spPr>
      </p:pic>
      <p:pic>
        <p:nvPicPr>
          <p:cNvPr id="590" name="Picture 589">
            <a:extLst>
              <a:ext uri="{FF2B5EF4-FFF2-40B4-BE49-F238E27FC236}">
                <a16:creationId xmlns:a16="http://schemas.microsoft.com/office/drawing/2014/main" id="{CD952E23-2454-4258-9E11-A7BC488524F1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5730157" y="2815084"/>
            <a:ext cx="290760" cy="291928"/>
          </a:xfrm>
          <a:prstGeom prst="flowChartConnector">
            <a:avLst/>
          </a:prstGeom>
        </p:spPr>
      </p:pic>
      <p:pic>
        <p:nvPicPr>
          <p:cNvPr id="591" name="Picture 590">
            <a:extLst>
              <a:ext uri="{FF2B5EF4-FFF2-40B4-BE49-F238E27FC236}">
                <a16:creationId xmlns:a16="http://schemas.microsoft.com/office/drawing/2014/main" id="{9786D651-8389-4FF7-938D-7F1B25538A19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5283490" y="2815084"/>
            <a:ext cx="290760" cy="291928"/>
          </a:xfrm>
          <a:prstGeom prst="flowChartConnector">
            <a:avLst/>
          </a:prstGeom>
        </p:spPr>
      </p:pic>
      <p:pic>
        <p:nvPicPr>
          <p:cNvPr id="592" name="Picture 591">
            <a:extLst>
              <a:ext uri="{FF2B5EF4-FFF2-40B4-BE49-F238E27FC236}">
                <a16:creationId xmlns:a16="http://schemas.microsoft.com/office/drawing/2014/main" id="{E205C9A2-CD08-4BF9-ACB2-173F41399608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4856025" y="3271479"/>
            <a:ext cx="290760" cy="291928"/>
          </a:xfrm>
          <a:prstGeom prst="flowChartConnector">
            <a:avLst/>
          </a:prstGeom>
        </p:spPr>
      </p:pic>
      <p:pic>
        <p:nvPicPr>
          <p:cNvPr id="593" name="Picture 592">
            <a:extLst>
              <a:ext uri="{FF2B5EF4-FFF2-40B4-BE49-F238E27FC236}">
                <a16:creationId xmlns:a16="http://schemas.microsoft.com/office/drawing/2014/main" id="{D1373A1F-51AE-498C-99FC-451219DC6098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10106998" y="3271479"/>
            <a:ext cx="290760" cy="291928"/>
          </a:xfrm>
          <a:prstGeom prst="flowChartConnector">
            <a:avLst/>
          </a:prstGeom>
        </p:spPr>
      </p:pic>
      <p:pic>
        <p:nvPicPr>
          <p:cNvPr id="594" name="Picture 593">
            <a:extLst>
              <a:ext uri="{FF2B5EF4-FFF2-40B4-BE49-F238E27FC236}">
                <a16:creationId xmlns:a16="http://schemas.microsoft.com/office/drawing/2014/main" id="{04F3E779-8E43-4A21-A2BB-3B0019EA5CE0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9773317" y="3271479"/>
            <a:ext cx="290760" cy="291928"/>
          </a:xfrm>
          <a:prstGeom prst="flowChartConnector">
            <a:avLst/>
          </a:prstGeom>
        </p:spPr>
      </p:pic>
      <p:pic>
        <p:nvPicPr>
          <p:cNvPr id="595" name="Picture 594">
            <a:extLst>
              <a:ext uri="{FF2B5EF4-FFF2-40B4-BE49-F238E27FC236}">
                <a16:creationId xmlns:a16="http://schemas.microsoft.com/office/drawing/2014/main" id="{207E6233-A8A0-48CA-9306-B1F3835C5640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9863164" y="2815084"/>
            <a:ext cx="290760" cy="291928"/>
          </a:xfrm>
          <a:prstGeom prst="flowChartConnector">
            <a:avLst/>
          </a:prstGeom>
        </p:spPr>
      </p:pic>
      <p:pic>
        <p:nvPicPr>
          <p:cNvPr id="596" name="Picture 595">
            <a:extLst>
              <a:ext uri="{FF2B5EF4-FFF2-40B4-BE49-F238E27FC236}">
                <a16:creationId xmlns:a16="http://schemas.microsoft.com/office/drawing/2014/main" id="{EE1DD34D-05B6-4B14-8985-AD705C54B558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9490806" y="2815084"/>
            <a:ext cx="290760" cy="291928"/>
          </a:xfrm>
          <a:prstGeom prst="flowChartConnector">
            <a:avLst/>
          </a:prstGeom>
        </p:spPr>
      </p:pic>
      <p:pic>
        <p:nvPicPr>
          <p:cNvPr id="597" name="Picture 596">
            <a:extLst>
              <a:ext uri="{FF2B5EF4-FFF2-40B4-BE49-F238E27FC236}">
                <a16:creationId xmlns:a16="http://schemas.microsoft.com/office/drawing/2014/main" id="{E3C0580A-5721-45CE-A4D3-109953FE8F58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10976452" y="3271479"/>
            <a:ext cx="290760" cy="291928"/>
          </a:xfrm>
          <a:prstGeom prst="flowChartConnector">
            <a:avLst/>
          </a:prstGeom>
        </p:spPr>
      </p:pic>
      <p:pic>
        <p:nvPicPr>
          <p:cNvPr id="598" name="Picture 597">
            <a:extLst>
              <a:ext uri="{FF2B5EF4-FFF2-40B4-BE49-F238E27FC236}">
                <a16:creationId xmlns:a16="http://schemas.microsoft.com/office/drawing/2014/main" id="{00E70FF8-3133-4AA9-AE4E-2B717A57FB8B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10975073" y="2815084"/>
            <a:ext cx="290760" cy="291928"/>
          </a:xfrm>
          <a:prstGeom prst="flowChartConnector">
            <a:avLst/>
          </a:prstGeom>
        </p:spPr>
      </p:pic>
      <p:pic>
        <p:nvPicPr>
          <p:cNvPr id="599" name="Picture 598">
            <a:extLst>
              <a:ext uri="{FF2B5EF4-FFF2-40B4-BE49-F238E27FC236}">
                <a16:creationId xmlns:a16="http://schemas.microsoft.com/office/drawing/2014/main" id="{DCD4C3A3-3AF0-4C8A-BEE1-37279B459F82}"/>
              </a:ext>
            </a:extLst>
          </p:cNvPr>
          <p:cNvPicPr>
            <a:picLocks noChangeAspect="1"/>
          </p:cNvPicPr>
          <p:nvPr/>
        </p:nvPicPr>
        <p:blipFill rotWithShape="1">
          <a:blip r:embed="rId105"/>
          <a:srcRect l="6432" t="3782" r="9258" b="15854"/>
          <a:stretch/>
        </p:blipFill>
        <p:spPr>
          <a:xfrm>
            <a:off x="10757531" y="3271479"/>
            <a:ext cx="290760" cy="291928"/>
          </a:xfrm>
          <a:prstGeom prst="flowChartConnector">
            <a:avLst/>
          </a:prstGeom>
        </p:spPr>
      </p:pic>
      <p:pic>
        <p:nvPicPr>
          <p:cNvPr id="612" name="Picture 2" descr="Image result for martin luther king jr symbol">
            <a:extLst>
              <a:ext uri="{FF2B5EF4-FFF2-40B4-BE49-F238E27FC236}">
                <a16:creationId xmlns:a16="http://schemas.microsoft.com/office/drawing/2014/main" id="{A1A824C9-D4CA-4B14-911F-3DDD756DD4C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6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1413" y="4878540"/>
            <a:ext cx="1934497" cy="19344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0" name="Picture 139">
            <a:extLst>
              <a:ext uri="{FF2B5EF4-FFF2-40B4-BE49-F238E27FC236}">
                <a16:creationId xmlns:a16="http://schemas.microsoft.com/office/drawing/2014/main" id="{DF2C7DA8-70E7-4CB4-ACB1-AED744752DE4}"/>
              </a:ext>
            </a:extLst>
          </p:cNvPr>
          <p:cNvPicPr>
            <a:picLocks noChangeAspect="1"/>
          </p:cNvPicPr>
          <p:nvPr/>
        </p:nvPicPr>
        <p:blipFill>
          <a:blip r:embed="rId10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77011" y="217165"/>
            <a:ext cx="2220430" cy="396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204573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i4wM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OTEsIkciOjE1NSwiQiI6MjEz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lNlZ29lIFVJIFNlbWlib2xkIiwiSXNCb2xkIjp0cnVlLCJJc0l0YWxpYyI6ZmFsc2UsIklzVW5kZXJsaW5lZCI6ZmFsc2UsIlBhcmVudFN0eWxlIjpudWxsfSwiQXV0b1NpemUiOjAsIkZvcmVncm91bmQiOnsiJGlkIjoiMTUiLCJDb2xvciI6eyIkaWQiOiIxNiIsIkEiOjI1NSwiUiI6MTc4LCJHIjoxNCwiQiI6MTh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TZWdvZSBVSSBTZW1pYm9sZCIsIklzQm9sZCI6dHJ1ZSwiSXNJdGFsaWMiOmZhbHNlLCJJc1VuZGVybGluZWQiOmZhbHNlLCJQYXJlbnRTdHlsZSI6bnVsbH0sIkF1dG9TaXplIjowLCJGb3JlZ3JvdW5kIjp7IiRpZCI6IjIzIiwiQ29sb3IiOnsiJGlkIjoiMjQiLCJBIjoyNTUsIlIiOjE3OCwiRyI6MTQsIkIiOjE4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lNlZ29lIFVJIFNlbWlsaWdodC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IzNS45MDg2NjE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E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xNzgsIkciOjE0LCJCIjoxOH19LCJMaW5lV2VpZ2h0IjoxLjAsIkxpbmVUeXBlIjowLCJQYXJlbnRTdHlsZSI6bnVsbH0sIklzQmVsb3dUaW1lYmFuZCI6ZmFsc2UsIlBvc2l0aW9uT25UYXNrIjowLCJIaWRlRGF0ZSI6ZmFsc2UsIlNoYXBlU2l6ZSI6MC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E3OCwiRyI6MTQsIkIiOjE4fX0sIklzVmlzaWJsZSI6dHJ1ZSwiV2lkdGgiOjguMCwiSGVpZ2h0Ijo4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OSwiRm9udE5hbWUiOiJTZWdvZSBVSSBTZW1pYm9sZCIsIklzQm9sZCI6ZmFsc2UsIklzSXRhbGljIjpmYWxzZSwiSXNVbmRlcmxpbmVkIjpmYWxzZSwiUGFyZW50U3R5bGUiOm51bGx9LCJBdXRvU2l6ZSI6MCwiRm9yZWdyb3VuZCI6eyIkaWQiOiI2OSIsIkNvbG9yIjp7IiRpZCI6IjcwIiwiQSI6MjU1LCJSIjoxNzgsIkciOjE0LCJCIjoxO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DYWxpYnJpIiwiSXNCb2xkIjpmYWxzZSwiSXNJdGFsaWMiOmZhbHNlLCJJc1VuZGVybGluZWQiOmZhbHNlLCJQYXJlbnRTdHlsZSI6bnVsbH0sIkF1dG9TaXplIjowLCJGb3JlZ3JvdW5kIjp7IiRpZCI6Ijc2IiwiQ29sb3IiOnsiJGlkIjoiNzc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1NIGR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Jc1Zpc2libGUiOnRydWUsIlBhcmVudFN0eWxlIjpudWxsfSwiRGVmYXVsdFRhc2tTdHlsZSI6eyIkaWQiOiI4MyIsIlNoYXBlIjowLCJTaGFwZVRoaWNrbmVzcyI6MCwiRHVyYXRpb25Gb3JtYXQiOjQ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NYXJnaW4iOm51bGwsIlN0YXJ0RGF0ZVBvc2l0aW9uIjo0LCJFbmREYXRlUG9zaXRpb24iOjQsIkRhdGVJc1Zpc2libGUiOnRydWUsIlRpdGxlUG9zaXRpb24iOjUsIkR1cmF0aW9uUG9zaXRpb24iOjYsIlBlcmNlbnRhZ2VDb21wbGV0ZWRQb3NpdGlvbiI6NiwiU3BhY2luZyI6My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k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5LCJGb250TmFtZSI6IkNhbGlicmkiLCJJc0JvbGQiOmZhbHNlLCJJc0l0YWxpYyI6ZmFsc2UsIklzVW5kZXJsaW5lZCI6ZmFsc2UsIlBhcmVudFN0eWxlIjpudWxsfSwiQXV0b1NpemUiOjAsIkZvcmVncm91bmQiOnsiJGlkIjoiMTIxIiwiQ29sb3IiOnsiJGlkIjoiMTIyIiwiQSI6MjU1LCJSIjo3OCwiRyI6MTAzLCJCIjoyMDB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3IiwiTGluZUNvbG9yIjpudWxsLCJMaW5lV2VpZ2h0IjowLjAsIkxpbmVUeXBlIjowLCJQYXJlbnRTdHlsZSI6bnVsbH0sIlBhcmVudFN0eWxlIjpudWxsfSwiRGF0ZVN0eWxlIjp7IiRpZCI6IjE3OCIsIkZvbnRTZXR0aW5ncyI6eyIkaWQiOiIxNzkiLCJGb250U2l6ZSI6OSwiRm9udE5hbWUiOiJDYWxpYnJpIiwiSXNCb2xkIjpmYWxzZSwiSXNJdGFsaWMiOmZhbHNlLCJJc1VuZGVybGluZWQiOmZhbHNlLCJQYXJlbnRTdHlsZSI6bnVsbH0sIkF1dG9TaXplIjowLCJGb3JlZ3JvdW5kIjp7IiRpZCI6IjE4MCIsIkNvbG9yIjp7IiRpZCI6IjE4MS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E4MiIsIkxpbmVDb2xvciI6bnVsbCwiTGluZVdlaWdodCI6MC4wLCJMaW5lVHlwZSI6MCwiUGFyZW50U3R5bGUiOm51bGx9LCJQYXJlbnRTdHlsZSI6bnVsbH0sIkRhdGVGb3JtYXQiOnsiJGlkIjoiMTgz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k5IiwiTGluZUNvbG9yIjpudWxsLCJMaW5lV2VpZ2h0IjowLjAsIkxpbmVUeXBlIjowLCJQYXJlbnRTdHlsZSI6bnVsbH0sIlBhcmVudFN0eWxlIjpudWxsfSwiRGF0ZVN0eWxlIjp7IiRpZCI6IjIwMCIsIkZvbnRTZXR0aW5ncyI6eyIkaWQiOiIyMDEiLCJGb250U2l6ZSI6OSwiRm9udE5hbWUiOiJDYWxpYnJpIiwiSXNCb2xkIjpmYWxzZSwiSXNJdGFsaWMiOmZhbHNlLCJJc1VuZGVybGluZWQiOmZhbHNlLCJQYXJlbnRTdHlsZSI6bnVsbH0sIkF1dG9TaXplIjowLCJGb3JlZ3JvdW5kIjp7IiRpZCI6IjIwMiIsIkNvbG9yIjp7IiRpZCI6IjIwMy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wNCIsIkxpbmVDb2xvciI6bnVsbCwiTGluZVdlaWdodCI6MC4wLCJMaW5lVHlwZSI6MCwiUGFyZW50U3R5bGUiOm51bGx9LCJQYXJlbnRTdHlsZSI6bnVsbH0sIkRhdGVGb3JtYXQiOnsiJGlkIjoiMjA1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xIiwiTGluZUNvbG9yIjpudWxsLCJMaW5lV2VpZ2h0IjowLjAsIkxpbmVUeXBlIjowLCJQYXJlbnRTdHlsZSI6bnVsbH0sIlBhcmVudFN0eWxlIjpudWxsfSwiRGF0ZVN0eWxlIjp7IiRpZCI6IjIyMiIsIkZvbnRTZXR0aW5ncyI6eyIkaWQiOiIyMjMiLCJGb250U2l6ZSI6OSwiRm9udE5hbWUiOiJDYWxpYnJpIiwiSXNCb2xkIjpmYWxzZSwiSXNJdGFsaWMiOmZhbHNlLCJJc1VuZGVybGluZWQiOmZhbHNlLCJQYXJlbnRTdHlsZSI6bnVsbH0sIkF1dG9TaXplIjowLCJGb3JlZ3JvdW5kIjp7IiRpZCI6IjIyNCIsIkNvbG9yIjp7IiRpZCI6IjIyNS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yNiIsIkxpbmVDb2xvciI6bnVsbCwiTGluZVdlaWdodCI6MC4wLCJMaW5lVHlwZSI6MCwiUGFyZW50U3R5bGUiOm51bGx9LCJQYXJlbnRTdHlsZSI6bnVsbH0sIkRhdGVGb3JtYXQiOnsiJGlkIjoiMjI3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5LCJGb250TmFtZSI6IkNhbGlicmkiLCJJc0JvbGQiOmZhbHNlLCJJc0l0YWxpYyI6ZmFsc2UsIklzVW5kZXJsaW5lZCI6ZmFsc2UsIlBhcmVudFN0eWxlIjpudWxsfSwiQXV0b1NpemUiOjAsIkZvcmVncm91bmQiOnsiJGlkIjoiMjQ2IiwiQ29sb3IiOnsiJGlkIjoiMjQ3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jUiLCJMaW5lQ29sb3IiOm51bGwsIkxpbmVXZWlnaHQiOjAuMCwiTGluZVR5cGUiOjAsIlBhcmVudFN0eWxlIjpudWxsfSwiUGFyZW50U3R5bGUiOm51bGx9LCJEYXRlU3R5bGUiOnsiJGlkIjoiMjY2IiwiRm9udFNldHRpbmdzIjp7IiRpZCI6IjI2NyIsIkZvbnRTaXplIjo5LCJGb250TmFtZSI6IkNhbGlicmkiLCJJc0JvbGQiOmZhbHNlLCJJc0l0YWxpYyI6ZmFsc2UsIklzVW5kZXJsaW5lZCI6ZmFsc2UsIlBhcmVudFN0eWxlIjpudWxsfSwiQXV0b1NpemUiOjAsIkZvcmVncm91bmQiOnsiJGlkIjoiMjY4IiwiQ29sb3IiOnsiJGlkIjoiMjY5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4NyIsIkxpbmVDb2xvciI6bnVsbCwiTGluZVdlaWdodCI6MC4wLCJMaW5lVHlwZSI6MCwiUGFyZW50U3R5bGUiOm51bGx9LCJQYXJlbnRTdHlsZSI6bnVsbH0sIkRhdGVTdHlsZSI6eyIkaWQiOiIyODgiLCJGb250U2V0dGluZ3MiOnsiJGlkIjoiMjg5IiwiRm9udFNpemUiOjksIkZvbnROYW1lIjoiQ2FsaWJyaSIsIklzQm9sZCI6ZmFsc2UsIklzSXRhbGljIjpmYWxzZSwiSXNVbmRlcmxpbmVkIjpmYWxzZSwiUGFyZW50U3R5bGUiOm51bGx9LCJBdXRvU2l6ZSI6MCwiRm9yZWdyb3VuZCI6eyIkaWQiOiIyOTAiLCJDb2xvciI6eyIkaWQiOiIyOTE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A5IiwiTGluZUNvbG9yIjpudWxsLCJMaW5lV2VpZ2h0IjowLjAsIkxpbmVUeXBlIjowLCJQYXJlbnRTdHlsZSI6bnVsbH0sIlBhcmVudFN0eWxlIjpudWxsfSwiRGF0ZVN0eWxlIjp7IiRpZCI6IjMxMCIsIkZvbnRTZXR0aW5ncyI6eyIkaWQiOiIzMTEiLCJGb250U2l6ZSI6OSwiRm9udE5hbWUiOiJDYWxpYnJpIiwiSXNCb2xkIjpmYWxzZSwiSXNJdGFsaWMiOmZhbHNlLCJJc1VuZGVybGluZWQiOmZhbHNlLCJQYXJlbnRTdHlsZSI6bnVsbH0sIkF1dG9TaXplIjowLCJGb3JlZ3JvdW5kIjp7IiRpZCI6IjMxMiIsIkNvbG9yIjp7IiRpZCI6IjMxMy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xNCIsIkxpbmVDb2xvciI6bnVsbCwiTGluZVdlaWdodCI6MC4wLCJMaW5lVHlwZSI6MCwiUGFyZW50U3R5bGUiOm51bGx9LCJQYXJlbnRTdHlsZSI6bnVsbH0sIkRhdGVGb3JtYXQiOnsiJGlkIjoiMzE1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zMSIsIkxpbmVDb2xvciI6bnVsbCwiTGluZVdlaWdodCI6MC4wLCJMaW5lVHlwZSI6MCwiUGFyZW50U3R5bGUiOm51bGx9LCJQYXJlbnRTdHlsZSI6bnVsbH0sIkRhdGVTdHlsZSI6eyIkaWQiOiIzMzIiLCJGb250U2V0dGluZ3MiOnsiJGlkIjoiMzMzIiwiRm9udFNpemUiOjksIkZvbnROYW1lIjoiQ2FsaWJyaSIsIklzQm9sZCI6ZmFsc2UsIklzSXRhbGljIjpmYWxzZSwiSXNVbmRlcmxpbmVkIjpmYWxzZSwiUGFyZW50U3R5bGUiOm51bGx9LCJBdXRvU2l6ZSI6MCwiRm9yZWdyb3VuZCI6eyIkaWQiOiIzMzQiLCJDb2xvciI6eyIkaWQiOiIzMzU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UzIiwiTGluZUNvbG9yIjpudWxsLCJMaW5lV2VpZ2h0IjowLjAsIkxpbmVUeXBlIjowLCJQYXJlbnRTdHlsZSI6bnVsbH0sIlBhcmVudFN0eWxlIjpudWxsfSwiRGF0ZVN0eWxlIjp7IiRpZCI6IjM1NCIsIkZvbnRTZXR0aW5ncyI6eyIkaWQiOiIzNTUiLCJGb250U2l6ZSI6OSwiRm9udE5hbWUiOiJDYWxpYnJpIiwiSXNCb2xkIjpmYWxzZSwiSXNJdGFsaWMiOmZhbHNlLCJJc1VuZGVybGluZWQiOmZhbHNlLCJQYXJlbnRTdHlsZSI6bnVsbH0sIkF1dG9TaXplIjowLCJGb3JlZ3JvdW5kIjp7IiRpZCI6IjM1NiIsIkNvbG9yIjp7IiRpZCI6IjM1Ny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1OCIsIkxpbmVDb2xvciI6bnVsbCwiTGluZVdlaWdodCI6MC4wLCJMaW5lVHlwZSI6MCwiUGFyZW50U3R5bGUiOm51bGx9LCJQYXJlbnRTdHlsZSI6bnVsbH0sIkRhdGVGb3JtYXQiOnsiJGlkIjoiMzU5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5LCJGb250TmFtZSI6IkNhbGlicmkiLCJJc0JvbGQiOmZhbHNlLCJJc0l0YWxpYyI6ZmFsc2UsIklzVW5kZXJsaW5lZCI6ZmFsc2UsIlBhcmVudFN0eWxlIjpudWxsfSwiQXV0b1NpemUiOjAsIkZvcmVncm91bmQiOnsiJGlkIjoiMzc4IiwiQ29sb3IiOnsiJGlkIjoiMzc5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k3IiwiTGluZUNvbG9yIjpudWxsLCJMaW5lV2VpZ2h0IjowLjAsIkxpbmVUeXBlIjowLCJQYXJlbnRTdHlsZSI6bnVsbH0sIlBhcmVudFN0eWxlIjpudWxsfSwiRGF0ZVN0eWxlIjp7IiRpZCI6IjM5OCIsIkZvbnRTZXR0aW5ncyI6eyIkaWQiOiIzOTkiLCJGb250U2l6ZSI6OSwiRm9udE5hbWUiOiJDYWxpYnJpIiwiSXNCb2xkIjpmYWxzZSwiSXNJdGFsaWMiOmZhbHNlLCJJc1VuZGVybGluZWQiOmZhbHNlLCJQYXJlbnRTdHlsZSI6bnVsbH0sIkF1dG9TaXplIjowLCJGb3JlZ3JvdW5kIjp7IiRpZCI6IjQwMCIsIkNvbG9yIjp7IiRpZCI6IjQwMS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QwMiIsIkxpbmVDb2xvciI6bnVsbCwiTGluZVdlaWdodCI6MC4wLCJMaW5lVHlwZSI6MCwiUGFyZW50U3R5bGUiOm51bGx9LCJQYXJlbnRTdHlsZSI6bnVsbH0sIkRhdGVGb3JtYXQiOnsiJGlkIjoiNDAz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NDE5IiwiTGluZUNvbG9yIjpudWxsLCJMaW5lV2VpZ2h0IjowLjAsIkxpbmVUeXBlIjowLCJQYXJlbnRTdHlsZSI6bnVsbH0sIlBhcmVudFN0eWxlIjpudWxsfSwiRGF0ZVN0eWxlIjp7IiRpZCI6IjQyMCIsIkZvbnRTZXR0aW5ncyI6eyIkaWQiOiI0MjEiLCJGb250U2l6ZSI6OSwiRm9udE5hbWUiOiJDYWxpYnJpIiwiSXNCb2xkIjpmYWxzZSwiSXNJdGFsaWMiOmZhbHNlLCJJc1VuZGVybGluZWQiOmZhbHNlLCJQYXJlbnRTdHlsZSI6bnVsbH0sIkF1dG9TaXplIjowLCJGb3JlZ3JvdW5kIjp7IiRpZCI6IjQyMiIsIkNvbG9yIjp7IiRpZCI6IjQyMy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QyNCIsIkxpbmVDb2xvciI6bnVsbCwiTGluZVdlaWdodCI6MC4wLCJMaW5lVHlwZSI6MCwiUGFyZW50U3R5bGUiOm51bGx9LCJQYXJlbnRTdHlsZSI6bnVsbH0sIkRhdGVGb3JtYXQiOnsiJGlkIjoiNDI1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NDQxIiwiTGluZUNvbG9yIjpudWxsLCJMaW5lV2VpZ2h0IjowLjAsIkxpbmVUeXBlIjowLCJQYXJlbnRTdHlsZSI6bnVsbH0sIlBhcmVudFN0eWxlIjpudWxsfSwiRGF0ZVN0eWxlIjp7IiRpZCI6IjQ0MiIsIkZvbnRTZXR0aW5ncyI6eyIkaWQiOiI0NDMiLCJGb250U2l6ZSI6OSwiRm9udE5hbWUiOiJDYWxpYnJpIiwiSXNCb2xkIjpmYWxzZSwiSXNJdGFsaWMiOmZhbHNlLCJJc1VuZGVybGluZWQiOmZhbHNlLCJQYXJlbnRTdHlsZSI6bnVsbH0sIkF1dG9TaXplIjowLCJGb3JlZ3JvdW5kIjp7IiRpZCI6IjQ0NCIsIkNvbG9yIjp7IiRpZCI6IjQ0NS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0NjMiLCJMaW5lQ29sb3IiOm51bGwsIkxpbmVXZWlnaHQiOjAuMCwiTGluZVR5cGUiOjAsIlBhcmVudFN0eWxlIjpudWxsfSwiUGFyZW50U3R5bGUiOm51bGx9LCJEYXRlU3R5bGUiOnsiJGlkIjoiNDY0IiwiRm9udFNldHRpbmdzIjp7IiRpZCI6IjQ2NSIsIkZvbnRTaXplIjo5LCJGb250TmFtZSI6IkNhbGlicmkiLCJJc0JvbGQiOmZhbHNlLCJJc0l0YWxpYyI6ZmFsc2UsIklzVW5kZXJsaW5lZCI6ZmFsc2UsIlBhcmVudFN0eWxlIjpudWxsfSwiQXV0b1NpemUiOjAsIkZvcmVncm91bmQiOnsiJGlkIjoiNDY2IiwiQ29sb3IiOnsiJGlkIjoiNDY3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0ODUiLCJMaW5lQ29sb3IiOm51bGwsIkxpbmVXZWlnaHQiOjAuMCwiTGluZVR5cGUiOjAsIlBhcmVudFN0eWxlIjpudWxsfSwiUGFyZW50U3R5bGUiOm51bGx9LCJEYXRlU3R5bGUiOnsiJGlkIjoiNDg2IiwiRm9udFNldHRpbmdzIjp7IiRpZCI6IjQ4NyIsIkZvbnRTaXplIjo5LCJGb250TmFtZSI6IkNhbGlicmkiLCJJc0JvbGQiOmZhbHNlLCJJc0l0YWxpYyI6ZmFsc2UsIklzVW5kZXJsaW5lZCI6ZmFsc2UsIlBhcmVudFN0eWxlIjpudWxsfSwiQXV0b1NpemUiOjAsIkZvcmVncm91bmQiOnsiJGlkIjoiNDg4IiwiQ29sb3IiOnsiJGlkIjoiNDg5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1MDciLCJMaW5lQ29sb3IiOm51bGwsIkxpbmVXZWlnaHQiOjAuMCwiTGluZVR5cGUiOjAsIlBhcmVudFN0eWxlIjpudWxsfSwiUGFyZW50U3R5bGUiOm51bGx9LCJEYXRlU3R5bGUiOnsiJGlkIjoiNTA4IiwiRm9udFNldHRpbmdzIjp7IiRpZCI6IjUwOSIsIkZvbnRTaXplIjo5LCJGb250TmFtZSI6IkNhbGlicmkiLCJJc0JvbGQiOmZhbHNlLCJJc0l0YWxpYyI6ZmFsc2UsIklzVW5kZXJsaW5lZCI6ZmFsc2UsIlBhcmVudFN0eWxlIjpudWxsfSwiQXV0b1NpemUiOjAsIkZvcmVncm91bmQiOnsiJGlkIjoiNTEwIiwiQ29sb3IiOnsiJGlkIjoiNTEx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UyOSIsIkxpbmVDb2xvciI6bnVsbCwiTGluZVdlaWdodCI6MC4wLCJMaW5lVHlwZSI6MCwiUGFyZW50U3R5bGUiOm51bGx9LCJQYXJlbnRTdHlsZSI6bnVsbH0sIkRhdGVTdHlsZSI6eyIkaWQiOiI1MzAiLCJGb250U2V0dGluZ3MiOnsiJGlkIjoiNTMxIiwiRm9udFNpemUiOjksIkZvbnROYW1lIjoiQ2FsaWJyaSIsIklzQm9sZCI6ZmFsc2UsIklzSXRhbGljIjpmYWxzZSwiSXNVbmRlcmxpbmVkIjpmYWxzZSwiUGFyZW50U3R5bGUiOm51bGx9LCJBdXRvU2l6ZSI6MCwiRm9yZWdyb3VuZCI6eyIkaWQiOiI1MzIiLCJDb2xvciI6eyIkaWQiOiI1MzM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ksIkZvbnROYW1lIjoiQ2FsaWJyaSIsIklzQm9sZCI6ZmFsc2UsIklzSXRhbGljIjpmYWxzZSwiSXNVbmRlcmxpbmVkIjpmYWxzZSwiUGFyZW50U3R5bGUiOm51bGx9LCJBdXRvU2l6ZSI6MCwiRm9yZWdyb3VuZCI6eyIkaWQiOiI1NTQiLCJDb2xvciI6eyIkaWQiOiI1NTU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TY0IiwiVXNlVGltZSI6ZmFsc2UsIldvcmtEYXlTdGFydCI6IjAwOjAwOjAwIiwiV29ya0RheUVuZCI6IjIzOjU5OjAwIn0sIkxhc3RVc2VkVGVtcGxhdGVJZCI6ImVjYmM2YTJjLTRiYTctNDliZS04OWEzLTU1NzgzMWNiNWUyMC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3</Words>
  <Application>Microsoft Office PowerPoint</Application>
  <PresentationFormat>Widescreen</PresentationFormat>
  <Paragraphs>4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Segoe UI Semibold</vt:lpstr>
      <vt:lpstr>Segoe UI Semi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1-17T07:51:44Z</dcterms:created>
  <dcterms:modified xsi:type="dcterms:W3CDTF">2020-01-17T07:58:33Z</dcterms:modified>
</cp:coreProperties>
</file>